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3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6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077238" y="1640909"/>
            <a:ext cx="2968668" cy="144049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5701430" y="1640909"/>
            <a:ext cx="2968668" cy="1440494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  <a:ln>
            <a:solidFill>
              <a:schemeClr val="accent4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1377862" y="1199274"/>
            <a:ext cx="258036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RP	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6651320" y="1199274"/>
            <a:ext cx="169101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1189973" y="1778696"/>
            <a:ext cx="7891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5837128" y="1778696"/>
            <a:ext cx="10897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1784263" y="1765126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1784262" y="2560528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6356263" y="1765126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6356263" y="2560528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1784262" y="1778696"/>
            <a:ext cx="9839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1784262" y="2560528"/>
            <a:ext cx="8837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6356263" y="1778696"/>
            <a:ext cx="82950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6" name="TextBox 15"/>
          <p:cNvSpPr txBox="1"/>
          <p:nvPr/>
        </p:nvSpPr>
        <p:spPr>
          <a:xfrm>
            <a:off x="6356263" y="2560528"/>
            <a:ext cx="67640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7" name="TextBox 16"/>
          <p:cNvSpPr txBox="1"/>
          <p:nvPr/>
        </p:nvSpPr>
        <p:spPr>
          <a:xfrm>
            <a:off x="1784262" y="2178485"/>
            <a:ext cx="1352811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6382010" y="2178485"/>
            <a:ext cx="908138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cxnSp>
        <p:nvCxnSpPr>
          <p:cNvPr id="23" name="Elbow Connector 22"/>
          <p:cNvCxnSpPr/>
          <p:nvPr/>
        </p:nvCxnSpPr>
        <p:spPr>
          <a:xfrm flipV="1">
            <a:off x="3160386" y="1958049"/>
            <a:ext cx="3193092" cy="13756"/>
          </a:xfrm>
          <a:prstGeom prst="bentConnector3">
            <a:avLst/>
          </a:prstGeom>
          <a:ln w="38100">
            <a:solidFill>
              <a:srgbClr val="FF0000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494</TotalTime>
  <Words>840</Words>
  <Application>Microsoft Office PowerPoint</Application>
  <PresentationFormat>Widescreen</PresentationFormat>
  <Paragraphs>167</Paragraphs>
  <Slides>27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7</vt:i4>
      </vt:variant>
    </vt:vector>
  </HeadingPairs>
  <TitlesOfParts>
    <vt:vector size="33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36</cp:revision>
  <dcterms:created xsi:type="dcterms:W3CDTF">2015-05-25T05:53:36Z</dcterms:created>
  <dcterms:modified xsi:type="dcterms:W3CDTF">2016-06-03T04:03:14Z</dcterms:modified>
</cp:coreProperties>
</file>